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27. Katétre na meranie významnosti stenóz na koronárnych cievach\PTK\"/>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15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35" i="8" l="1"/>
  <c r="E38" i="8" l="1"/>
  <c r="E32" i="8" l="1"/>
</calcChain>
</file>

<file path=xl/sharedStrings.xml><?xml version="1.0" encoding="utf-8"?>
<sst xmlns="http://schemas.openxmlformats.org/spreadsheetml/2006/main" count="215" uniqueCount="17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xxx</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3</t>
  </si>
  <si>
    <t>4</t>
  </si>
  <si>
    <t>3.1.b)  Zoznam častí a položiek:</t>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5. ZMLUVNÉ PODMIENKY PREDMETU ZÁKAZKY</t>
  </si>
  <si>
    <t>Minimálne zmluvné podmienky predmetu zákazky:</t>
  </si>
  <si>
    <t>Položka číslo</t>
  </si>
  <si>
    <t xml:space="preserve">Názov časti predmetu zákazky/názov položky predmetu zákazky </t>
  </si>
  <si>
    <r>
      <t xml:space="preserve">Merná jednotka
</t>
    </r>
    <r>
      <rPr>
        <sz val="10"/>
        <color theme="1"/>
        <rFont val="Arial"/>
        <family val="2"/>
        <charset val="238"/>
      </rPr>
      <t>(MJ)</t>
    </r>
  </si>
  <si>
    <t>Položka č. 1</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 xml:space="preserve">Požadovaný počet MJ na obdobie 36 mesiacov
</t>
  </si>
  <si>
    <t>musí umožňovať detailné zobrazenie anatómie cievy a meranie základných charakteristík pomocou optickej koherentnej tomografie (OCT)</t>
  </si>
  <si>
    <t>musí byť kompatibilný s prístrojom Ilumien</t>
  </si>
  <si>
    <t>schopný rýchlo a detailne zobraziť anatomické pomery vyšetrovanej cievy s priemerom 2,0 – 3,5 mm</t>
  </si>
  <si>
    <t>na úseku minimálne 5 cm (aspoň 20 mm/s, rozlíšenie aspoň 20 mm, so zaznamenaním viac ako 250 snímok na jednej pull-back)</t>
  </si>
  <si>
    <t>požaduje sa katéter typu RX (monorail) s vonkajším priemerom do 2,8 F</t>
  </si>
  <si>
    <t>požaduje sa pracovná dĺžka aspoň 130 cm</t>
  </si>
  <si>
    <t>kompatibilný s vodičom 0,014“</t>
  </si>
  <si>
    <t>požaduje sa, aby každý kus katétra bol samostatne sterilne balený</t>
  </si>
  <si>
    <t>požaduje sa, aby obal obsahoval: minimálne názov, veľkosť, katalógové číslo.</t>
  </si>
  <si>
    <t>5</t>
  </si>
  <si>
    <t>6</t>
  </si>
  <si>
    <t>7</t>
  </si>
  <si>
    <t>8</t>
  </si>
  <si>
    <t>9</t>
  </si>
  <si>
    <t>na meranie frakčnej prietokovej rezervy (FFR)</t>
  </si>
  <si>
    <t>kompatibilný s prístrojmi Ilumien a Quantien</t>
  </si>
  <si>
    <t>požaduje sa hrúbka 0,014“</t>
  </si>
  <si>
    <t>požaduje sa pracovná dĺžka aspoň 170 cm</t>
  </si>
  <si>
    <t>rtg vizualizovateľný</t>
  </si>
  <si>
    <t>s možnosťou bezdrôtového merania FFR</t>
  </si>
  <si>
    <t>požaduje sa, aby každý kus vodiča bol samostatne sterilne balený</t>
  </si>
  <si>
    <t>katéter pre intravaskulárne vyšetrenie cievy</t>
  </si>
  <si>
    <t>musí byť kompatibilný so systémom iLabTM</t>
  </si>
  <si>
    <t>dĺžka katétra 135 cm</t>
  </si>
  <si>
    <t>hydrofilné polymérové krytie Bioslide distálne v dĺžke 23 cm</t>
  </si>
  <si>
    <t>frekvencia prevodníka 40 MHz</t>
  </si>
  <si>
    <t>rotačný dizajn prevodníka</t>
  </si>
  <si>
    <t>konizovaná špička katétra so vstupným profilom 1.7F/0,56“ (entry profile)</t>
  </si>
  <si>
    <t>minimálna penetrácia 6 mm</t>
  </si>
  <si>
    <t>axiálne rozlíšenie 43 μm</t>
  </si>
  <si>
    <t>vyhodnocovanie katétrom zosnímaných údajov prebieha cez vyšetrovací systém iLabTM.</t>
  </si>
  <si>
    <t>Príslušenstvo:</t>
  </si>
  <si>
    <t>požaduje sa, aby každý kus katétra bol samostatne sterilne balený.</t>
  </si>
  <si>
    <t>sánky sťahovacie (príslušenstvo k UZV prístroju) pre plynulé posúvanie katétra počas ultrazvukového zobrazenia zabezpečuje motoricky poháňaná jednotka – sane</t>
  </si>
  <si>
    <t>11.1</t>
  </si>
  <si>
    <t>sterilný vak určený na zakrytie motorovej jednotky počas intravaskulárnych ultrazvukových postupov (pre zachovanie sterilného poľa)</t>
  </si>
  <si>
    <t>11.2</t>
  </si>
  <si>
    <t>11.3</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v čase od 07:00 hod. do 15: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5.</t>
  </si>
  <si>
    <t>Požaduje sa v zmysle § 340b ods. 5 zákona č. 513/1991 Z. z. Obchodného zákonníka v znení neskorších predpisov splatnosť faktúry v lehote šesťdesiatich (60) kalendárnych dní odo dňa jej doručenia Objednávateľovi.</t>
  </si>
  <si>
    <t>6.</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7.</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8.</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9.</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10.</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12.</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2.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Rámcovú dohodu vypovedať s výpovednou lehotou jeden (1) mesiac. Výpovedná doba začína plynúť od prvého (1.) dňa kalendárneho mesiaca nasledujúceho po doručení výpovede a skončí sa uplynutím posledného dňa príslušného kalendárneho mesiaca.</t>
    </r>
  </si>
  <si>
    <t>13.</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4.</t>
  </si>
  <si>
    <t>Požaduje sa, aby bol Dodávateľ v čase predloženia ponuky a zároveň počas trvania Rámcovej dohody oprávnený na poskytnutie plnenia predmetu zákazky.</t>
  </si>
  <si>
    <t>15.</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16.</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7.</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18.</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19.</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20.</t>
  </si>
  <si>
    <t>Požaduje sa, aby sa Dodávateľ po uzatvorení Rámcovej dohod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21.</t>
  </si>
  <si>
    <t>V prípade, ak sa na predmet zákazky vykonala prípravná trhová konzultácia, informácie k prípravnej trhovej konzultácie verejný obstarávateľ zverejňuje na www.vusch.sk/verejne-obstaravanie/.</t>
  </si>
  <si>
    <t>Požaduje sa uzatvorenie Rámcovej dohody, a to na dohodnuté zmluvné obdobie tridsiatichšiestich (36) kalendárnych mesiacov, resp. do doby naplnenia zmluvného finančného objemu podľa toho, ktorá z uvedených skutočností nastane skôr.</t>
  </si>
  <si>
    <t>Áno - 3 časti</t>
  </si>
  <si>
    <r>
      <t>Predmet zákazky je rozdelený na 3 samostatné časti</t>
    </r>
    <r>
      <rPr>
        <sz val="10"/>
        <rFont val="Arial"/>
        <family val="2"/>
        <charset val="238"/>
      </rPr>
      <t>.</t>
    </r>
  </si>
  <si>
    <t>33141200-2 Katétre</t>
  </si>
  <si>
    <t>33141240-4 Príslušenstvo ku katétrom</t>
  </si>
  <si>
    <t>tovar, služba</t>
  </si>
  <si>
    <t>Časť č. 2 - Vodiče na hodnotenie koronárnej fyziológie (FFR, iFR/dPR)</t>
  </si>
  <si>
    <t xml:space="preserve">Časť č. 3 - Katétre pre opitckú koherenčnú tomografiu </t>
  </si>
  <si>
    <t>Katétre a vodiče na meranie významnosti stenóz na koronárnych cievach</t>
  </si>
  <si>
    <t>Katétre a vodiče na meranie významnosti stenóz na koronárnych cievach.</t>
  </si>
  <si>
    <t>Vodič na hodnotenie koronárnej fyziológie (FFR, iFR/dPR)</t>
  </si>
  <si>
    <t>Položka č. 1 – Vodič na hodnotenie koronárnej fyziológie (FFR, iFR/dPR)</t>
  </si>
  <si>
    <t xml:space="preserve">Katéter pre opitckú koherenčnú tomografiu </t>
  </si>
  <si>
    <t xml:space="preserve">Položka č. 1 – Katéter pre opitckú koherenčnú tomografiu </t>
  </si>
  <si>
    <t>Časť č. 1 - Katétre pre intravaskulárnu sonografiu (IVUS) s príslušenstvom</t>
  </si>
  <si>
    <t>Katéter pre intravaskulárnu sonografiu (IVUS) s príslušenstvom</t>
  </si>
  <si>
    <t>Položka č. 1 - Katéter pre intravaskulárnu sonografiu (IVUS) s príslušenstv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i/>
      <sz val="1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5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thin">
        <color auto="1"/>
      </left>
      <right style="medium">
        <color indexed="64"/>
      </right>
      <top/>
      <bottom/>
      <diagonal/>
    </border>
    <border>
      <left style="medium">
        <color auto="1"/>
      </left>
      <right/>
      <top style="thin">
        <color auto="1"/>
      </top>
      <bottom style="thin">
        <color auto="1"/>
      </bottom>
      <diagonal/>
    </border>
    <border>
      <left style="thin">
        <color auto="1"/>
      </left>
      <right style="thin">
        <color auto="1"/>
      </right>
      <top style="medium">
        <color auto="1"/>
      </top>
      <bottom style="thin">
        <color indexed="64"/>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auto="1"/>
      </right>
      <top style="thin">
        <color auto="1"/>
      </top>
      <bottom style="medium">
        <color indexed="64"/>
      </bottom>
      <diagonal/>
    </border>
    <border>
      <left/>
      <right/>
      <top style="thin">
        <color auto="1"/>
      </top>
      <bottom style="medium">
        <color indexed="64"/>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thin">
        <color auto="1"/>
      </bottom>
      <diagonal/>
    </border>
    <border>
      <left style="medium">
        <color auto="1"/>
      </left>
      <right style="thin">
        <color auto="1"/>
      </right>
      <top style="dotted">
        <color indexed="64"/>
      </top>
      <bottom/>
      <diagonal/>
    </border>
    <border>
      <left style="medium">
        <color auto="1"/>
      </left>
      <right style="thin">
        <color auto="1"/>
      </right>
      <top style="dotted">
        <color indexed="64"/>
      </top>
      <bottom style="dotted">
        <color indexed="64"/>
      </bottom>
      <diagonal/>
    </border>
    <border>
      <left style="thin">
        <color auto="1"/>
      </left>
      <right style="medium">
        <color indexed="64"/>
      </right>
      <top style="dotted">
        <color indexed="64"/>
      </top>
      <bottom style="thin">
        <color auto="1"/>
      </bottom>
      <diagonal/>
    </border>
    <border>
      <left style="thin">
        <color auto="1"/>
      </left>
      <right style="medium">
        <color indexed="64"/>
      </right>
      <top style="thin">
        <color auto="1"/>
      </top>
      <bottom/>
      <diagonal/>
    </border>
    <border>
      <left style="thin">
        <color auto="1"/>
      </left>
      <right style="medium">
        <color indexed="64"/>
      </right>
      <top style="dotted">
        <color indexed="64"/>
      </top>
      <bottom/>
      <diagonal/>
    </border>
    <border>
      <left style="thin">
        <color auto="1"/>
      </left>
      <right style="medium">
        <color indexed="64"/>
      </right>
      <top style="dotted">
        <color indexed="64"/>
      </top>
      <bottom style="dotted">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7"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8"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4" fillId="0" borderId="12"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4" fillId="0" borderId="22"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2" fillId="0" borderId="12" xfId="0" applyNumberFormat="1" applyFont="1" applyBorder="1" applyAlignment="1">
      <alignment horizontal="center" vertical="center" wrapText="1"/>
    </xf>
    <xf numFmtId="49" fontId="2" fillId="0" borderId="21" xfId="0" applyNumberFormat="1" applyFont="1" applyBorder="1" applyAlignment="1">
      <alignment horizontal="center" vertical="center"/>
    </xf>
    <xf numFmtId="49" fontId="4" fillId="0" borderId="26" xfId="0" applyNumberFormat="1" applyFont="1" applyFill="1" applyBorder="1" applyAlignment="1">
      <alignment horizontal="left" vertical="center" wrapText="1"/>
    </xf>
    <xf numFmtId="0" fontId="7" fillId="0" borderId="28"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12"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4" xfId="0" applyNumberFormat="1" applyFont="1" applyFill="1" applyBorder="1" applyAlignment="1">
      <alignment horizontal="center" vertical="center" wrapText="1"/>
    </xf>
    <xf numFmtId="49" fontId="4" fillId="0" borderId="12" xfId="0" applyNumberFormat="1" applyFont="1" applyFill="1" applyBorder="1" applyAlignment="1">
      <alignment vertical="center" wrapText="1"/>
    </xf>
    <xf numFmtId="0" fontId="2" fillId="0" borderId="27"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24" xfId="0" applyNumberFormat="1" applyFont="1" applyFill="1" applyBorder="1" applyAlignment="1">
      <alignment horizontal="center" vertical="center" wrapText="1"/>
    </xf>
    <xf numFmtId="0" fontId="2" fillId="0" borderId="31" xfId="0" applyFont="1" applyFill="1" applyBorder="1" applyAlignment="1">
      <alignment horizontal="left" vertical="center" wrapText="1"/>
    </xf>
    <xf numFmtId="0" fontId="2" fillId="0" borderId="23" xfId="0" applyFont="1" applyFill="1" applyBorder="1" applyAlignment="1">
      <alignment horizontal="left" vertical="center" wrapText="1"/>
    </xf>
    <xf numFmtId="49" fontId="2" fillId="0" borderId="32" xfId="0" applyNumberFormat="1" applyFont="1" applyFill="1" applyBorder="1" applyAlignment="1">
      <alignment horizontal="center" vertical="center" wrapText="1"/>
    </xf>
    <xf numFmtId="0" fontId="2" fillId="0" borderId="33" xfId="0" applyFont="1" applyFill="1" applyBorder="1" applyAlignment="1">
      <alignment horizontal="left" vertical="center" wrapText="1"/>
    </xf>
    <xf numFmtId="0" fontId="0" fillId="6" borderId="0" xfId="0" applyFill="1"/>
    <xf numFmtId="0" fontId="2" fillId="0" borderId="0" xfId="0" applyFont="1" applyAlignment="1">
      <alignment horizontal="center" vertical="center" wrapText="1"/>
    </xf>
    <xf numFmtId="0" fontId="2" fillId="0" borderId="29"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0" fontId="2" fillId="0" borderId="12" xfId="0" applyFont="1" applyFill="1" applyBorder="1" applyAlignment="1">
      <alignment horizontal="left" vertical="top" wrapText="1"/>
    </xf>
    <xf numFmtId="0" fontId="2" fillId="0" borderId="12" xfId="0" applyFont="1" applyFill="1" applyBorder="1" applyAlignment="1">
      <alignment horizontal="center" vertical="top" wrapText="1"/>
    </xf>
    <xf numFmtId="0" fontId="2" fillId="0" borderId="5" xfId="0" applyFont="1" applyFill="1" applyBorder="1" applyAlignment="1">
      <alignment vertical="top" wrapText="1"/>
    </xf>
    <xf numFmtId="0" fontId="2" fillId="0" borderId="6" xfId="0" applyFont="1" applyFill="1" applyBorder="1" applyAlignment="1">
      <alignment vertical="top" wrapText="1"/>
    </xf>
    <xf numFmtId="0" fontId="2" fillId="0" borderId="35" xfId="0" applyFont="1" applyBorder="1" applyAlignment="1">
      <alignment vertical="center" wrapText="1"/>
    </xf>
    <xf numFmtId="0" fontId="2" fillId="7" borderId="0" xfId="0" applyFont="1" applyFill="1" applyBorder="1" applyAlignment="1">
      <alignment horizontal="center" vertical="center" wrapText="1"/>
    </xf>
    <xf numFmtId="0" fontId="2" fillId="0" borderId="0" xfId="0" applyFont="1" applyBorder="1" applyAlignment="1">
      <alignment vertical="center" wrapText="1"/>
    </xf>
    <xf numFmtId="0" fontId="3" fillId="0" borderId="36" xfId="0" applyFont="1" applyBorder="1" applyAlignment="1">
      <alignment horizontal="center" vertical="center" wrapText="1"/>
    </xf>
    <xf numFmtId="0" fontId="4" fillId="0" borderId="31" xfId="0" applyFont="1" applyFill="1" applyBorder="1" applyAlignment="1">
      <alignment horizontal="left" vertical="center" wrapText="1"/>
    </xf>
    <xf numFmtId="0" fontId="4" fillId="0" borderId="25" xfId="0" applyFont="1" applyFill="1" applyBorder="1" applyAlignment="1">
      <alignment horizontal="left" vertical="center" wrapText="1"/>
    </xf>
    <xf numFmtId="0" fontId="4" fillId="7" borderId="39" xfId="0" applyFont="1" applyFill="1" applyBorder="1" applyAlignment="1">
      <alignment horizontal="left" vertical="center" wrapText="1"/>
    </xf>
    <xf numFmtId="0" fontId="4" fillId="0" borderId="27" xfId="0" applyFont="1" applyFill="1" applyBorder="1" applyAlignment="1">
      <alignment horizontal="left" vertical="center" wrapText="1"/>
    </xf>
    <xf numFmtId="0" fontId="4" fillId="0" borderId="40"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13" fillId="7" borderId="0" xfId="0" applyFont="1" applyFill="1" applyBorder="1" applyAlignment="1">
      <alignment horizontal="justify" vertical="center"/>
    </xf>
    <xf numFmtId="0" fontId="4" fillId="7" borderId="12" xfId="0" applyFont="1" applyFill="1" applyBorder="1" applyAlignment="1">
      <alignment horizontal="left" vertical="center" wrapText="1"/>
    </xf>
    <xf numFmtId="0" fontId="4" fillId="0" borderId="39" xfId="0" applyFont="1" applyFill="1" applyBorder="1" applyAlignment="1">
      <alignment horizontal="left" vertical="center" wrapText="1"/>
    </xf>
    <xf numFmtId="0" fontId="4" fillId="0" borderId="5" xfId="0" applyFont="1" applyFill="1" applyBorder="1" applyAlignment="1">
      <alignment horizontal="left" vertical="center" wrapText="1"/>
    </xf>
    <xf numFmtId="49" fontId="2" fillId="0" borderId="21" xfId="0" applyNumberFormat="1" applyFont="1" applyFill="1" applyBorder="1" applyAlignment="1">
      <alignment horizontal="right" vertical="center" wrapText="1"/>
    </xf>
    <xf numFmtId="49" fontId="2" fillId="0" borderId="12" xfId="0" applyNumberFormat="1" applyFont="1" applyFill="1" applyBorder="1" applyAlignment="1">
      <alignment horizontal="center" vertical="center" wrapText="1"/>
    </xf>
    <xf numFmtId="0" fontId="4" fillId="7" borderId="22" xfId="0" applyFont="1" applyFill="1" applyBorder="1" applyAlignment="1">
      <alignment horizontal="left" vertical="center" wrapText="1"/>
    </xf>
    <xf numFmtId="0" fontId="13" fillId="0" borderId="0" xfId="0" applyFont="1" applyBorder="1" applyAlignment="1">
      <alignment vertical="center" wrapText="1"/>
    </xf>
    <xf numFmtId="49" fontId="10" fillId="0" borderId="9" xfId="0" applyNumberFormat="1" applyFont="1" applyBorder="1" applyAlignment="1">
      <alignment horizontal="left" vertical="center" wrapText="1"/>
    </xf>
    <xf numFmtId="0" fontId="2" fillId="0" borderId="0" xfId="0" applyFont="1" applyBorder="1" applyAlignment="1">
      <alignment horizontal="left" vertical="center" wrapText="1"/>
    </xf>
    <xf numFmtId="49" fontId="2" fillId="0" borderId="8" xfId="0" applyNumberFormat="1" applyFont="1" applyBorder="1" applyAlignment="1">
      <alignment horizontal="right" vertical="center"/>
    </xf>
    <xf numFmtId="3" fontId="2" fillId="0" borderId="0" xfId="0" applyNumberFormat="1" applyFont="1" applyFill="1" applyBorder="1" applyAlignment="1">
      <alignment horizontal="center" vertical="center" wrapText="1"/>
    </xf>
    <xf numFmtId="0" fontId="3" fillId="0" borderId="0" xfId="0" applyFont="1" applyBorder="1" applyAlignment="1">
      <alignment horizontal="right" vertical="center" wrapText="1"/>
    </xf>
    <xf numFmtId="49" fontId="2" fillId="0" borderId="32"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3" fillId="0" borderId="35" xfId="0" applyFont="1" applyBorder="1" applyAlignment="1">
      <alignment horizontal="left" vertical="center" wrapText="1"/>
    </xf>
    <xf numFmtId="0" fontId="3" fillId="0" borderId="37" xfId="0" applyFont="1" applyBorder="1" applyAlignment="1">
      <alignment horizontal="left" vertical="center" wrapText="1"/>
    </xf>
    <xf numFmtId="49" fontId="4" fillId="0" borderId="6" xfId="0" applyNumberFormat="1" applyFont="1" applyFill="1" applyBorder="1" applyAlignment="1">
      <alignment vertical="center" wrapText="1"/>
    </xf>
    <xf numFmtId="49" fontId="14" fillId="0" borderId="22" xfId="0" applyNumberFormat="1" applyFont="1" applyFill="1" applyBorder="1" applyAlignment="1">
      <alignment horizontal="left" vertical="center" wrapText="1"/>
    </xf>
    <xf numFmtId="0" fontId="2" fillId="0" borderId="34" xfId="0" applyFont="1" applyBorder="1" applyAlignment="1">
      <alignment vertical="center" wrapText="1"/>
    </xf>
    <xf numFmtId="0" fontId="3" fillId="0" borderId="34" xfId="0" applyFont="1" applyBorder="1" applyAlignment="1">
      <alignment horizontal="right" vertical="center" wrapText="1"/>
    </xf>
    <xf numFmtId="0" fontId="3" fillId="0" borderId="38" xfId="0" applyFont="1" applyBorder="1" applyAlignment="1">
      <alignment horizontal="center" vertical="center" wrapText="1"/>
    </xf>
    <xf numFmtId="49" fontId="2" fillId="0" borderId="42" xfId="0" applyNumberFormat="1" applyFont="1" applyFill="1" applyBorder="1" applyAlignment="1">
      <alignment horizontal="center" vertical="center" wrapText="1"/>
    </xf>
    <xf numFmtId="0" fontId="2" fillId="0" borderId="43" xfId="0" applyFont="1" applyFill="1" applyBorder="1" applyAlignment="1">
      <alignment horizontal="left" vertical="center" wrapText="1"/>
    </xf>
    <xf numFmtId="0" fontId="7" fillId="0" borderId="44" xfId="0" applyNumberFormat="1" applyFont="1" applyBorder="1" applyAlignment="1">
      <alignment horizontal="center" vertical="center" wrapText="1"/>
    </xf>
    <xf numFmtId="0" fontId="2" fillId="0" borderId="45" xfId="0" applyFont="1" applyFill="1" applyBorder="1" applyAlignment="1">
      <alignment horizontal="center" vertical="center" wrapText="1"/>
    </xf>
    <xf numFmtId="0" fontId="2" fillId="0" borderId="0" xfId="0" applyFont="1" applyAlignment="1">
      <alignment horizontal="center" vertical="center" wrapText="1"/>
    </xf>
    <xf numFmtId="0" fontId="4" fillId="7" borderId="0" xfId="0" applyFont="1" applyFill="1" applyAlignment="1">
      <alignment horizontal="left" vertical="center" wrapText="1"/>
    </xf>
    <xf numFmtId="49" fontId="2" fillId="0" borderId="42" xfId="0" applyNumberFormat="1" applyFont="1" applyBorder="1" applyAlignment="1">
      <alignment horizontal="center" vertical="center"/>
    </xf>
    <xf numFmtId="49" fontId="4" fillId="0" borderId="43" xfId="0" applyNumberFormat="1" applyFont="1" applyFill="1" applyBorder="1" applyAlignment="1">
      <alignment horizontal="left" vertical="center" wrapText="1"/>
    </xf>
    <xf numFmtId="0" fontId="2" fillId="0" borderId="46" xfId="0" applyNumberFormat="1" applyFont="1" applyBorder="1" applyAlignment="1">
      <alignment vertical="center" wrapText="1"/>
    </xf>
    <xf numFmtId="49" fontId="2" fillId="0" borderId="20" xfId="0" applyNumberFormat="1" applyFont="1" applyBorder="1" applyAlignment="1">
      <alignment horizontal="left" vertical="center" wrapText="1"/>
    </xf>
    <xf numFmtId="49" fontId="2" fillId="0" borderId="47" xfId="0" applyNumberFormat="1" applyFont="1" applyFill="1" applyBorder="1" applyAlignment="1">
      <alignment horizontal="center" vertical="center" wrapText="1"/>
    </xf>
    <xf numFmtId="49" fontId="2" fillId="0" borderId="41" xfId="0" applyNumberFormat="1" applyFont="1" applyFill="1" applyBorder="1" applyAlignment="1">
      <alignment horizontal="right" vertical="center" wrapText="1"/>
    </xf>
    <xf numFmtId="49" fontId="2" fillId="0" borderId="48" xfId="0" applyNumberFormat="1" applyFont="1" applyFill="1" applyBorder="1" applyAlignment="1">
      <alignment horizontal="right" vertical="center" wrapText="1"/>
    </xf>
    <xf numFmtId="49" fontId="2" fillId="0" borderId="49" xfId="0" applyNumberFormat="1" applyFont="1" applyFill="1" applyBorder="1" applyAlignment="1">
      <alignment horizontal="right" vertical="center" wrapText="1"/>
    </xf>
    <xf numFmtId="49" fontId="2" fillId="0" borderId="50" xfId="0" applyNumberFormat="1" applyFont="1" applyFill="1" applyBorder="1" applyAlignment="1">
      <alignment horizontal="right" vertical="center" wrapText="1"/>
    </xf>
    <xf numFmtId="0" fontId="2" fillId="0" borderId="52" xfId="0" applyFont="1" applyFill="1" applyBorder="1" applyAlignment="1">
      <alignment horizontal="left" vertical="center" wrapText="1"/>
    </xf>
    <xf numFmtId="0" fontId="2" fillId="0" borderId="51" xfId="0" applyFont="1" applyFill="1" applyBorder="1" applyAlignment="1">
      <alignment horizontal="left" vertical="center" wrapText="1"/>
    </xf>
    <xf numFmtId="0" fontId="2" fillId="0" borderId="53"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7" borderId="36" xfId="0" applyFont="1" applyFill="1" applyBorder="1" applyAlignment="1">
      <alignment horizontal="center" vertical="center" wrapText="1"/>
    </xf>
    <xf numFmtId="49" fontId="2" fillId="0" borderId="21" xfId="0" applyNumberFormat="1" applyFont="1" applyFill="1" applyBorder="1" applyAlignment="1">
      <alignment horizontal="center" vertical="center" wrapText="1"/>
    </xf>
    <xf numFmtId="49" fontId="2" fillId="0" borderId="41" xfId="0" applyNumberFormat="1"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0" fontId="3" fillId="4" borderId="0" xfId="0" applyFont="1" applyFill="1" applyAlignment="1">
      <alignment horizontal="center" vertical="center" wrapText="1"/>
    </xf>
    <xf numFmtId="0" fontId="4" fillId="0" borderId="0" xfId="0" applyFont="1" applyAlignment="1">
      <alignment horizontal="left" vertical="top" wrapText="1"/>
    </xf>
    <xf numFmtId="49" fontId="5" fillId="5" borderId="10" xfId="0" applyNumberFormat="1" applyFont="1" applyFill="1" applyBorder="1" applyAlignment="1">
      <alignment horizontal="left" vertical="center" wrapText="1"/>
    </xf>
    <xf numFmtId="49" fontId="5" fillId="5" borderId="14"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0" fontId="3" fillId="0" borderId="0" xfId="0" applyFont="1" applyFill="1" applyAlignment="1">
      <alignment horizontal="left" vertical="center"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7" borderId="0" xfId="0" applyNumberFormat="1" applyFont="1" applyFill="1" applyAlignment="1">
      <alignment horizontal="left" vertical="top" wrapText="1"/>
    </xf>
    <xf numFmtId="0" fontId="3" fillId="3" borderId="35" xfId="0" applyFont="1" applyFill="1" applyBorder="1" applyAlignment="1">
      <alignment horizontal="left" vertical="center" wrapText="1"/>
    </xf>
    <xf numFmtId="0" fontId="3" fillId="3" borderId="0" xfId="0" applyFont="1" applyFill="1" applyBorder="1" applyAlignment="1">
      <alignment horizontal="left" vertical="center" wrapText="1"/>
    </xf>
    <xf numFmtId="0" fontId="3" fillId="3" borderId="36"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0" borderId="0" xfId="0" applyFont="1" applyBorder="1" applyAlignment="1">
      <alignment horizontal="left" vertical="center" wrapText="1"/>
    </xf>
    <xf numFmtId="0" fontId="2" fillId="0" borderId="0" xfId="0" applyFont="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5" fillId="7"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0" fontId="8" fillId="0" borderId="0" xfId="0" applyFont="1" applyFill="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49" fontId="3" fillId="7" borderId="1" xfId="0" applyNumberFormat="1" applyFont="1" applyFill="1" applyBorder="1" applyAlignment="1">
      <alignment horizontal="left" vertical="top" wrapText="1"/>
    </xf>
    <xf numFmtId="49" fontId="3" fillId="7" borderId="15" xfId="0" applyNumberFormat="1" applyFont="1" applyFill="1" applyBorder="1" applyAlignment="1">
      <alignment horizontal="left" vertical="top" wrapText="1"/>
    </xf>
    <xf numFmtId="49" fontId="3" fillId="7" borderId="13" xfId="0" applyNumberFormat="1" applyFont="1" applyFill="1" applyBorder="1" applyAlignment="1">
      <alignment horizontal="left" vertical="top" wrapText="1"/>
    </xf>
    <xf numFmtId="49" fontId="3" fillId="7" borderId="3" xfId="0" applyNumberFormat="1" applyFont="1" applyFill="1" applyBorder="1" applyAlignment="1">
      <alignment horizontal="left" vertical="top" wrapText="1"/>
    </xf>
    <xf numFmtId="49" fontId="3" fillId="0" borderId="30" xfId="0" applyNumberFormat="1" applyFont="1" applyBorder="1" applyAlignment="1">
      <alignment horizontal="left" vertical="center"/>
    </xf>
    <xf numFmtId="49" fontId="3" fillId="0" borderId="6" xfId="0" applyNumberFormat="1" applyFont="1" applyBorder="1" applyAlignment="1">
      <alignment horizontal="left" vertical="center"/>
    </xf>
    <xf numFmtId="49" fontId="3" fillId="2" borderId="1"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0" borderId="30" xfId="0" applyNumberFormat="1" applyFont="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0</xdr:row>
          <xdr:rowOff>9525</xdr:rowOff>
        </xdr:from>
        <xdr:to>
          <xdr:col>0</xdr:col>
          <xdr:colOff>885825</xdr:colOff>
          <xdr:row>4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1</xdr:row>
          <xdr:rowOff>0</xdr:rowOff>
        </xdr:from>
        <xdr:to>
          <xdr:col>0</xdr:col>
          <xdr:colOff>885825</xdr:colOff>
          <xdr:row>4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65"/>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65"/>
  <sheetViews>
    <sheetView showGridLines="0" tabSelected="1" topLeftCell="A108" zoomScale="60" zoomScaleNormal="60" workbookViewId="0">
      <selection activeCell="K143" sqref="K143"/>
    </sheetView>
  </sheetViews>
  <sheetFormatPr defaultRowHeight="12.75" x14ac:dyDescent="0.2"/>
  <cols>
    <col min="1" max="1" width="14.28515625" style="1"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49" t="s">
        <v>39</v>
      </c>
      <c r="B1" s="149"/>
      <c r="C1" s="149"/>
      <c r="D1" s="149"/>
      <c r="E1" s="149"/>
    </row>
    <row r="2" spans="1:5" ht="27.75" customHeight="1" x14ac:dyDescent="0.2">
      <c r="A2" s="150" t="s">
        <v>38</v>
      </c>
      <c r="B2" s="150"/>
      <c r="C2" s="150"/>
      <c r="D2" s="150"/>
      <c r="E2" s="150"/>
    </row>
    <row r="3" spans="1:5" ht="54.75" customHeight="1" x14ac:dyDescent="0.2">
      <c r="A3" s="151" t="s">
        <v>43</v>
      </c>
      <c r="B3" s="151"/>
      <c r="C3" s="151"/>
      <c r="D3" s="151"/>
      <c r="E3" s="151"/>
    </row>
    <row r="4" spans="1:5" ht="24.95" customHeight="1" x14ac:dyDescent="0.2">
      <c r="A4" s="37" t="s">
        <v>42</v>
      </c>
      <c r="B4" s="38"/>
      <c r="C4" s="33"/>
      <c r="D4" s="33"/>
    </row>
    <row r="5" spans="1:5" ht="24.95" customHeight="1" x14ac:dyDescent="0.2">
      <c r="A5" s="37" t="s">
        <v>40</v>
      </c>
      <c r="B5" s="39"/>
      <c r="C5" s="33"/>
      <c r="D5" s="33"/>
    </row>
    <row r="6" spans="1:5" ht="5.0999999999999996" customHeight="1" x14ac:dyDescent="0.2">
      <c r="A6" s="33"/>
      <c r="B6" s="33"/>
      <c r="C6" s="33"/>
      <c r="D6" s="33"/>
    </row>
    <row r="7" spans="1:5" s="2" customFormat="1" ht="20.100000000000001" customHeight="1" x14ac:dyDescent="0.25">
      <c r="A7" s="133" t="s">
        <v>4</v>
      </c>
      <c r="B7" s="133"/>
      <c r="C7" s="133"/>
      <c r="D7" s="133"/>
      <c r="E7" s="133"/>
    </row>
    <row r="8" spans="1:5" s="2" customFormat="1" ht="20.100000000000001" customHeight="1" x14ac:dyDescent="0.25">
      <c r="A8" s="153" t="s">
        <v>7</v>
      </c>
      <c r="B8" s="153"/>
      <c r="C8" s="153"/>
      <c r="D8" s="153"/>
    </row>
    <row r="9" spans="1:5" ht="24.95" customHeight="1" x14ac:dyDescent="0.2">
      <c r="A9" s="154" t="s">
        <v>169</v>
      </c>
      <c r="B9" s="154"/>
      <c r="C9" s="154"/>
      <c r="D9" s="154"/>
    </row>
    <row r="10" spans="1:5" ht="4.5" customHeight="1" x14ac:dyDescent="0.2">
      <c r="A10" s="35"/>
      <c r="B10" s="35"/>
      <c r="C10" s="35"/>
      <c r="D10" s="35"/>
    </row>
    <row r="11" spans="1:5" s="2" customFormat="1" ht="20.100000000000001" customHeight="1" x14ac:dyDescent="0.25">
      <c r="A11" s="155" t="s">
        <v>8</v>
      </c>
      <c r="B11" s="155"/>
      <c r="C11" s="155"/>
      <c r="D11" s="155"/>
    </row>
    <row r="12" spans="1:5" s="2" customFormat="1" ht="20.100000000000001" customHeight="1" x14ac:dyDescent="0.25">
      <c r="A12" s="156" t="s">
        <v>164</v>
      </c>
      <c r="B12" s="156"/>
      <c r="C12" s="156"/>
      <c r="D12" s="42"/>
    </row>
    <row r="13" spans="1:5" s="2" customFormat="1" ht="20.100000000000001" customHeight="1" x14ac:dyDescent="0.25">
      <c r="A13" s="156" t="s">
        <v>165</v>
      </c>
      <c r="B13" s="156"/>
      <c r="C13" s="115"/>
      <c r="D13" s="102"/>
    </row>
    <row r="14" spans="1:5" s="3" customFormat="1" ht="20.100000000000001" customHeight="1" x14ac:dyDescent="0.25">
      <c r="A14" s="152" t="s">
        <v>55</v>
      </c>
      <c r="B14" s="152"/>
      <c r="C14" s="152"/>
      <c r="D14" s="16"/>
    </row>
    <row r="15" spans="1:5" ht="4.5" customHeight="1" x14ac:dyDescent="0.2">
      <c r="A15" s="43"/>
      <c r="B15" s="43"/>
      <c r="C15" s="43"/>
      <c r="D15" s="35"/>
    </row>
    <row r="16" spans="1:5" ht="20.100000000000001" customHeight="1" x14ac:dyDescent="0.2">
      <c r="A16" s="34" t="s">
        <v>9</v>
      </c>
      <c r="B16" s="17"/>
      <c r="C16" s="17"/>
      <c r="D16" s="18"/>
    </row>
    <row r="17" spans="1:5" s="3" customFormat="1" ht="24.95" customHeight="1" x14ac:dyDescent="0.25">
      <c r="A17" s="134" t="s">
        <v>166</v>
      </c>
      <c r="B17" s="134"/>
      <c r="C17" s="134"/>
      <c r="D17" s="16"/>
    </row>
    <row r="18" spans="1:5" ht="5.0999999999999996" customHeight="1" x14ac:dyDescent="0.2">
      <c r="A18" s="146"/>
      <c r="B18" s="146"/>
      <c r="C18" s="146"/>
    </row>
    <row r="19" spans="1:5" s="2" customFormat="1" ht="20.100000000000001" customHeight="1" x14ac:dyDescent="0.25">
      <c r="A19" s="133" t="s">
        <v>16</v>
      </c>
      <c r="B19" s="133"/>
      <c r="C19" s="133"/>
      <c r="D19" s="133"/>
      <c r="E19" s="133"/>
    </row>
    <row r="20" spans="1:5" ht="25.5" customHeight="1" x14ac:dyDescent="0.2">
      <c r="A20" s="141" t="s">
        <v>170</v>
      </c>
      <c r="B20" s="141"/>
      <c r="C20" s="141"/>
      <c r="D20" s="141"/>
      <c r="E20" s="141"/>
    </row>
    <row r="21" spans="1:5" ht="5.0999999999999996" customHeight="1" x14ac:dyDescent="0.2">
      <c r="A21" s="146"/>
      <c r="B21" s="146"/>
      <c r="C21" s="146"/>
    </row>
    <row r="22" spans="1:5" s="2" customFormat="1" ht="20.100000000000001" customHeight="1" x14ac:dyDescent="0.25">
      <c r="A22" s="133" t="s">
        <v>17</v>
      </c>
      <c r="B22" s="133"/>
      <c r="C22" s="133"/>
      <c r="D22" s="133"/>
      <c r="E22" s="133"/>
    </row>
    <row r="23" spans="1:5" s="9" customFormat="1" ht="20.100000000000001" customHeight="1" x14ac:dyDescent="0.25">
      <c r="A23" s="145" t="s">
        <v>5</v>
      </c>
      <c r="B23" s="145"/>
      <c r="C23" s="145"/>
      <c r="D23" s="145"/>
    </row>
    <row r="24" spans="1:5" s="9" customFormat="1" ht="20.100000000000001" customHeight="1" x14ac:dyDescent="0.25">
      <c r="A24" s="138" t="s">
        <v>13</v>
      </c>
      <c r="B24" s="157"/>
      <c r="C24" s="14"/>
      <c r="D24" s="14"/>
    </row>
    <row r="25" spans="1:5" s="9" customFormat="1" ht="20.100000000000001" customHeight="1" x14ac:dyDescent="0.25">
      <c r="A25" s="13"/>
      <c r="B25" s="13" t="s">
        <v>162</v>
      </c>
      <c r="C25" s="14"/>
      <c r="D25" s="14"/>
    </row>
    <row r="26" spans="1:5" s="9" customFormat="1" ht="20.100000000000001" customHeight="1" x14ac:dyDescent="0.25">
      <c r="A26" s="13"/>
      <c r="B26" s="13" t="s">
        <v>15</v>
      </c>
      <c r="C26" s="14"/>
      <c r="D26" s="14"/>
    </row>
    <row r="27" spans="1:5" s="9" customFormat="1" ht="20.100000000000001" customHeight="1" x14ac:dyDescent="0.25">
      <c r="A27" s="138" t="s">
        <v>53</v>
      </c>
      <c r="B27" s="157"/>
      <c r="C27" s="14"/>
      <c r="D27" s="14"/>
    </row>
    <row r="28" spans="1:5" s="2" customFormat="1" ht="33.75" customHeight="1" x14ac:dyDescent="0.25">
      <c r="A28" s="148" t="s">
        <v>163</v>
      </c>
      <c r="B28" s="148"/>
      <c r="C28" s="148"/>
      <c r="D28" s="148"/>
      <c r="E28" s="148"/>
    </row>
    <row r="29" spans="1:5" s="69" customFormat="1" ht="31.5" customHeight="1" x14ac:dyDescent="0.25">
      <c r="A29" s="72" t="s">
        <v>59</v>
      </c>
      <c r="B29" s="74" t="s">
        <v>60</v>
      </c>
      <c r="C29" s="75"/>
      <c r="D29" s="73" t="s">
        <v>61</v>
      </c>
      <c r="E29" s="73" t="s">
        <v>67</v>
      </c>
    </row>
    <row r="30" spans="1:5" s="69" customFormat="1" ht="27" customHeight="1" x14ac:dyDescent="0.25">
      <c r="A30" s="142" t="s">
        <v>175</v>
      </c>
      <c r="B30" s="143"/>
      <c r="C30" s="143"/>
      <c r="D30" s="143"/>
      <c r="E30" s="144"/>
    </row>
    <row r="31" spans="1:5" s="70" customFormat="1" ht="27" customHeight="1" x14ac:dyDescent="0.25">
      <c r="A31" s="76" t="s">
        <v>62</v>
      </c>
      <c r="B31" s="147" t="s">
        <v>176</v>
      </c>
      <c r="C31" s="147"/>
      <c r="D31" s="77" t="s">
        <v>1</v>
      </c>
      <c r="E31" s="129">
        <v>109</v>
      </c>
    </row>
    <row r="32" spans="1:5" s="2" customFormat="1" ht="21" customHeight="1" x14ac:dyDescent="0.25">
      <c r="A32" s="103" t="s">
        <v>63</v>
      </c>
      <c r="B32" s="78"/>
      <c r="C32" s="78"/>
      <c r="D32" s="98"/>
      <c r="E32" s="79">
        <f>SUM(E31:E31)</f>
        <v>109</v>
      </c>
    </row>
    <row r="33" spans="1:5" s="114" customFormat="1" ht="27" customHeight="1" x14ac:dyDescent="0.25">
      <c r="A33" s="142" t="s">
        <v>167</v>
      </c>
      <c r="B33" s="143"/>
      <c r="C33" s="143"/>
      <c r="D33" s="143"/>
      <c r="E33" s="144"/>
    </row>
    <row r="34" spans="1:5" s="114" customFormat="1" ht="27" customHeight="1" x14ac:dyDescent="0.25">
      <c r="A34" s="76" t="s">
        <v>62</v>
      </c>
      <c r="B34" s="147" t="s">
        <v>171</v>
      </c>
      <c r="C34" s="147"/>
      <c r="D34" s="77" t="s">
        <v>1</v>
      </c>
      <c r="E34" s="129">
        <v>714</v>
      </c>
    </row>
    <row r="35" spans="1:5" s="2" customFormat="1" ht="21" customHeight="1" x14ac:dyDescent="0.25">
      <c r="A35" s="103" t="s">
        <v>63</v>
      </c>
      <c r="B35" s="78"/>
      <c r="C35" s="78"/>
      <c r="D35" s="98"/>
      <c r="E35" s="79">
        <f>SUM(E34:E34)</f>
        <v>714</v>
      </c>
    </row>
    <row r="36" spans="1:5" s="69" customFormat="1" ht="27" customHeight="1" x14ac:dyDescent="0.25">
      <c r="A36" s="142" t="s">
        <v>168</v>
      </c>
      <c r="B36" s="143"/>
      <c r="C36" s="143"/>
      <c r="D36" s="143"/>
      <c r="E36" s="144"/>
    </row>
    <row r="37" spans="1:5" s="70" customFormat="1" ht="27" customHeight="1" x14ac:dyDescent="0.25">
      <c r="A37" s="76" t="s">
        <v>62</v>
      </c>
      <c r="B37" s="147" t="s">
        <v>173</v>
      </c>
      <c r="C37" s="147"/>
      <c r="D37" s="71" t="s">
        <v>1</v>
      </c>
      <c r="E37" s="129">
        <v>36</v>
      </c>
    </row>
    <row r="38" spans="1:5" s="2" customFormat="1" ht="21" customHeight="1" x14ac:dyDescent="0.25">
      <c r="A38" s="104" t="s">
        <v>63</v>
      </c>
      <c r="B38" s="107"/>
      <c r="C38" s="107"/>
      <c r="D38" s="108"/>
      <c r="E38" s="109">
        <f>SUM(E37:E37)</f>
        <v>36</v>
      </c>
    </row>
    <row r="39" spans="1:5" s="2" customFormat="1" ht="10.5" customHeight="1" x14ac:dyDescent="0.25">
      <c r="A39" s="78"/>
      <c r="B39" s="95"/>
      <c r="C39" s="95"/>
      <c r="D39" s="71"/>
      <c r="E39" s="97"/>
    </row>
    <row r="40" spans="1:5" s="9" customFormat="1" ht="10.5" customHeight="1" x14ac:dyDescent="0.25">
      <c r="A40" s="138" t="s">
        <v>14</v>
      </c>
      <c r="B40" s="138"/>
      <c r="C40" s="68"/>
      <c r="D40" s="68"/>
    </row>
    <row r="41" spans="1:5" s="9" customFormat="1" ht="27" customHeight="1" x14ac:dyDescent="0.2">
      <c r="A41" s="10"/>
      <c r="B41" s="9" t="s">
        <v>2</v>
      </c>
      <c r="C41" s="68"/>
      <c r="D41" s="68"/>
    </row>
    <row r="42" spans="1:5" s="9" customFormat="1" ht="27" customHeight="1" x14ac:dyDescent="0.25">
      <c r="A42" s="13"/>
      <c r="B42" s="2" t="s">
        <v>3</v>
      </c>
      <c r="C42" s="68"/>
      <c r="D42" s="68"/>
    </row>
    <row r="43" spans="1:5" ht="10.5" customHeight="1" x14ac:dyDescent="0.2"/>
    <row r="44" spans="1:5" s="2" customFormat="1" ht="20.100000000000001" customHeight="1" x14ac:dyDescent="0.25">
      <c r="A44" s="133" t="s">
        <v>18</v>
      </c>
      <c r="B44" s="133"/>
      <c r="C44" s="133"/>
      <c r="D44" s="133"/>
      <c r="E44" s="133"/>
    </row>
    <row r="45" spans="1:5" s="2" customFormat="1" ht="5.0999999999999996" customHeight="1" thickBot="1" x14ac:dyDescent="0.3">
      <c r="A45" s="15"/>
      <c r="C45" s="6"/>
      <c r="D45" s="6"/>
    </row>
    <row r="46" spans="1:5" s="3" customFormat="1" ht="99.75" customHeight="1" x14ac:dyDescent="0.25">
      <c r="A46" s="171" t="s">
        <v>0</v>
      </c>
      <c r="B46" s="172"/>
      <c r="C46" s="139" t="s">
        <v>19</v>
      </c>
      <c r="D46" s="140"/>
      <c r="E46" s="19"/>
    </row>
    <row r="47" spans="1:5" s="3" customFormat="1" ht="35.25" customHeight="1" thickBot="1" x14ac:dyDescent="0.3">
      <c r="A47" s="173"/>
      <c r="B47" s="174"/>
      <c r="C47" s="20" t="s">
        <v>20</v>
      </c>
      <c r="D47" s="56" t="s">
        <v>21</v>
      </c>
    </row>
    <row r="48" spans="1:5" s="21" customFormat="1" ht="30.75" customHeight="1" x14ac:dyDescent="0.25">
      <c r="A48" s="135" t="s">
        <v>175</v>
      </c>
      <c r="B48" s="136"/>
      <c r="C48" s="136"/>
      <c r="D48" s="137"/>
    </row>
    <row r="49" spans="1:4" s="4" customFormat="1" ht="29.25" customHeight="1" x14ac:dyDescent="0.25">
      <c r="A49" s="175" t="s">
        <v>177</v>
      </c>
      <c r="B49" s="170"/>
      <c r="C49" s="46"/>
      <c r="D49" s="59" t="s">
        <v>49</v>
      </c>
    </row>
    <row r="50" spans="1:4" s="4" customFormat="1" ht="30" customHeight="1" x14ac:dyDescent="0.25">
      <c r="A50" s="41" t="s">
        <v>11</v>
      </c>
      <c r="B50" s="40" t="s">
        <v>89</v>
      </c>
      <c r="C50" s="46"/>
      <c r="D50" s="50"/>
    </row>
    <row r="51" spans="1:4" s="4" customFormat="1" ht="30" customHeight="1" x14ac:dyDescent="0.25">
      <c r="A51" s="41" t="s">
        <v>46</v>
      </c>
      <c r="B51" s="40" t="s">
        <v>90</v>
      </c>
      <c r="C51" s="46"/>
      <c r="D51" s="50"/>
    </row>
    <row r="52" spans="1:4" s="4" customFormat="1" ht="30" customHeight="1" x14ac:dyDescent="0.25">
      <c r="A52" s="41" t="s">
        <v>51</v>
      </c>
      <c r="B52" s="40" t="s">
        <v>91</v>
      </c>
      <c r="C52" s="46"/>
      <c r="D52" s="50"/>
    </row>
    <row r="53" spans="1:4" s="4" customFormat="1" ht="30" customHeight="1" x14ac:dyDescent="0.25">
      <c r="A53" s="41" t="s">
        <v>52</v>
      </c>
      <c r="B53" s="40" t="s">
        <v>92</v>
      </c>
      <c r="C53" s="46"/>
      <c r="D53" s="50"/>
    </row>
    <row r="54" spans="1:4" s="4" customFormat="1" ht="30" customHeight="1" x14ac:dyDescent="0.25">
      <c r="A54" s="41" t="s">
        <v>77</v>
      </c>
      <c r="B54" s="40" t="s">
        <v>93</v>
      </c>
      <c r="C54" s="46"/>
      <c r="D54" s="50"/>
    </row>
    <row r="55" spans="1:4" s="4" customFormat="1" ht="30" customHeight="1" x14ac:dyDescent="0.25">
      <c r="A55" s="41" t="s">
        <v>78</v>
      </c>
      <c r="B55" s="40" t="s">
        <v>94</v>
      </c>
      <c r="C55" s="46"/>
      <c r="D55" s="50"/>
    </row>
    <row r="56" spans="1:4" s="4" customFormat="1" ht="30" customHeight="1" x14ac:dyDescent="0.25">
      <c r="A56" s="41" t="s">
        <v>79</v>
      </c>
      <c r="B56" s="40" t="s">
        <v>95</v>
      </c>
      <c r="C56" s="46"/>
      <c r="D56" s="50"/>
    </row>
    <row r="57" spans="1:4" s="4" customFormat="1" ht="30" customHeight="1" x14ac:dyDescent="0.25">
      <c r="A57" s="41" t="s">
        <v>80</v>
      </c>
      <c r="B57" s="40" t="s">
        <v>96</v>
      </c>
      <c r="C57" s="46"/>
      <c r="D57" s="50"/>
    </row>
    <row r="58" spans="1:4" s="4" customFormat="1" ht="30" customHeight="1" x14ac:dyDescent="0.25">
      <c r="A58" s="41" t="s">
        <v>81</v>
      </c>
      <c r="B58" s="40" t="s">
        <v>97</v>
      </c>
      <c r="C58" s="46"/>
      <c r="D58" s="50"/>
    </row>
    <row r="59" spans="1:4" s="4" customFormat="1" ht="30" customHeight="1" x14ac:dyDescent="0.25">
      <c r="A59" s="41" t="s">
        <v>135</v>
      </c>
      <c r="B59" s="44" t="s">
        <v>98</v>
      </c>
      <c r="C59" s="58"/>
      <c r="D59" s="50"/>
    </row>
    <row r="60" spans="1:4" s="4" customFormat="1" ht="30" customHeight="1" x14ac:dyDescent="0.25">
      <c r="A60" s="41" t="s">
        <v>137</v>
      </c>
      <c r="B60" s="106" t="s">
        <v>99</v>
      </c>
      <c r="C60" s="58"/>
      <c r="D60" s="50"/>
    </row>
    <row r="61" spans="1:4" s="4" customFormat="1" ht="39.75" customHeight="1" x14ac:dyDescent="0.25">
      <c r="A61" s="96" t="s">
        <v>102</v>
      </c>
      <c r="B61" s="44" t="s">
        <v>101</v>
      </c>
      <c r="C61" s="58"/>
      <c r="D61" s="50"/>
    </row>
    <row r="62" spans="1:4" s="4" customFormat="1" ht="30" customHeight="1" x14ac:dyDescent="0.25">
      <c r="A62" s="96" t="s">
        <v>104</v>
      </c>
      <c r="B62" s="40" t="s">
        <v>103</v>
      </c>
      <c r="C62" s="58"/>
      <c r="D62" s="50"/>
    </row>
    <row r="63" spans="1:4" s="4" customFormat="1" ht="30" customHeight="1" thickBot="1" x14ac:dyDescent="0.3">
      <c r="A63" s="96" t="s">
        <v>105</v>
      </c>
      <c r="B63" s="48" t="s">
        <v>100</v>
      </c>
      <c r="C63" s="58"/>
      <c r="D63" s="50"/>
    </row>
    <row r="64" spans="1:4" s="4" customFormat="1" ht="29.25" customHeight="1" x14ac:dyDescent="0.25">
      <c r="A64" s="135" t="s">
        <v>167</v>
      </c>
      <c r="B64" s="136"/>
      <c r="C64" s="136"/>
      <c r="D64" s="137"/>
    </row>
    <row r="65" spans="1:4" s="4" customFormat="1" ht="29.25" customHeight="1" x14ac:dyDescent="0.25">
      <c r="A65" s="169" t="s">
        <v>172</v>
      </c>
      <c r="B65" s="170"/>
      <c r="C65" s="46"/>
      <c r="D65" s="94"/>
    </row>
    <row r="66" spans="1:4" s="4" customFormat="1" ht="30" customHeight="1" x14ac:dyDescent="0.25">
      <c r="A66" s="47" t="s">
        <v>11</v>
      </c>
      <c r="B66" s="57" t="s">
        <v>82</v>
      </c>
      <c r="C66" s="46"/>
      <c r="D66" s="50"/>
    </row>
    <row r="67" spans="1:4" s="4" customFormat="1" ht="30" customHeight="1" x14ac:dyDescent="0.25">
      <c r="A67" s="47" t="s">
        <v>46</v>
      </c>
      <c r="B67" s="105" t="s">
        <v>83</v>
      </c>
      <c r="C67" s="46"/>
      <c r="D67" s="50"/>
    </row>
    <row r="68" spans="1:4" s="4" customFormat="1" ht="30" customHeight="1" x14ac:dyDescent="0.25">
      <c r="A68" s="47" t="s">
        <v>51</v>
      </c>
      <c r="B68" s="105" t="s">
        <v>84</v>
      </c>
      <c r="C68" s="46"/>
      <c r="D68" s="50"/>
    </row>
    <row r="69" spans="1:4" s="4" customFormat="1" ht="30" customHeight="1" x14ac:dyDescent="0.25">
      <c r="A69" s="47" t="s">
        <v>52</v>
      </c>
      <c r="B69" s="105" t="s">
        <v>85</v>
      </c>
      <c r="C69" s="46"/>
      <c r="D69" s="50"/>
    </row>
    <row r="70" spans="1:4" s="4" customFormat="1" ht="30" customHeight="1" x14ac:dyDescent="0.25">
      <c r="A70" s="47" t="s">
        <v>77</v>
      </c>
      <c r="B70" s="105" t="s">
        <v>86</v>
      </c>
      <c r="C70" s="46"/>
      <c r="D70" s="50"/>
    </row>
    <row r="71" spans="1:4" s="4" customFormat="1" ht="30" customHeight="1" x14ac:dyDescent="0.25">
      <c r="A71" s="47" t="s">
        <v>78</v>
      </c>
      <c r="B71" s="105" t="s">
        <v>87</v>
      </c>
      <c r="C71" s="46"/>
      <c r="D71" s="50"/>
    </row>
    <row r="72" spans="1:4" s="4" customFormat="1" ht="30" customHeight="1" x14ac:dyDescent="0.25">
      <c r="A72" s="47" t="s">
        <v>79</v>
      </c>
      <c r="B72" s="57" t="s">
        <v>88</v>
      </c>
      <c r="C72" s="46"/>
      <c r="D72" s="50"/>
    </row>
    <row r="73" spans="1:4" s="4" customFormat="1" ht="30" customHeight="1" thickBot="1" x14ac:dyDescent="0.3">
      <c r="A73" s="47" t="s">
        <v>80</v>
      </c>
      <c r="B73" s="93" t="s">
        <v>76</v>
      </c>
      <c r="C73" s="46"/>
      <c r="D73" s="50"/>
    </row>
    <row r="74" spans="1:4" s="4" customFormat="1" ht="29.25" customHeight="1" x14ac:dyDescent="0.25">
      <c r="A74" s="135" t="s">
        <v>168</v>
      </c>
      <c r="B74" s="136"/>
      <c r="C74" s="136"/>
      <c r="D74" s="137"/>
    </row>
    <row r="75" spans="1:4" s="4" customFormat="1" ht="29.25" customHeight="1" x14ac:dyDescent="0.25">
      <c r="A75" s="169" t="s">
        <v>174</v>
      </c>
      <c r="B75" s="170"/>
      <c r="C75" s="46"/>
      <c r="D75" s="94"/>
    </row>
    <row r="76" spans="1:4" s="4" customFormat="1" ht="30" customHeight="1" x14ac:dyDescent="0.25">
      <c r="A76" s="41" t="s">
        <v>11</v>
      </c>
      <c r="B76" s="40" t="s">
        <v>68</v>
      </c>
      <c r="C76" s="46"/>
      <c r="D76" s="50"/>
    </row>
    <row r="77" spans="1:4" s="4" customFormat="1" ht="30" customHeight="1" x14ac:dyDescent="0.25">
      <c r="A77" s="41" t="s">
        <v>46</v>
      </c>
      <c r="B77" s="40" t="s">
        <v>69</v>
      </c>
      <c r="C77" s="46"/>
      <c r="D77" s="50"/>
    </row>
    <row r="78" spans="1:4" s="4" customFormat="1" ht="30" customHeight="1" x14ac:dyDescent="0.25">
      <c r="A78" s="41" t="s">
        <v>51</v>
      </c>
      <c r="B78" s="40" t="s">
        <v>70</v>
      </c>
      <c r="C78" s="46"/>
      <c r="D78" s="50"/>
    </row>
    <row r="79" spans="1:4" s="4" customFormat="1" ht="30" customHeight="1" x14ac:dyDescent="0.25">
      <c r="A79" s="41" t="s">
        <v>52</v>
      </c>
      <c r="B79" s="40" t="s">
        <v>71</v>
      </c>
      <c r="C79" s="46"/>
      <c r="D79" s="50"/>
    </row>
    <row r="80" spans="1:4" s="4" customFormat="1" ht="30" customHeight="1" x14ac:dyDescent="0.25">
      <c r="A80" s="41" t="s">
        <v>77</v>
      </c>
      <c r="B80" s="40" t="s">
        <v>72</v>
      </c>
      <c r="C80" s="46"/>
      <c r="D80" s="50"/>
    </row>
    <row r="81" spans="1:5" s="4" customFormat="1" ht="30" customHeight="1" x14ac:dyDescent="0.25">
      <c r="A81" s="41" t="s">
        <v>78</v>
      </c>
      <c r="B81" s="40" t="s">
        <v>73</v>
      </c>
      <c r="C81" s="46"/>
      <c r="D81" s="50"/>
    </row>
    <row r="82" spans="1:5" s="4" customFormat="1" ht="30" customHeight="1" x14ac:dyDescent="0.25">
      <c r="A82" s="41" t="s">
        <v>79</v>
      </c>
      <c r="B82" s="40" t="s">
        <v>74</v>
      </c>
      <c r="C82" s="46"/>
      <c r="D82" s="50"/>
    </row>
    <row r="83" spans="1:5" s="4" customFormat="1" ht="30" customHeight="1" x14ac:dyDescent="0.25">
      <c r="A83" s="41" t="s">
        <v>80</v>
      </c>
      <c r="B83" s="40" t="s">
        <v>75</v>
      </c>
      <c r="C83" s="46"/>
      <c r="D83" s="50"/>
    </row>
    <row r="84" spans="1:5" s="4" customFormat="1" ht="30" customHeight="1" thickBot="1" x14ac:dyDescent="0.3">
      <c r="A84" s="116" t="s">
        <v>81</v>
      </c>
      <c r="B84" s="117" t="s">
        <v>76</v>
      </c>
      <c r="C84" s="118"/>
      <c r="D84" s="119"/>
    </row>
    <row r="85" spans="1:5" s="3" customFormat="1" ht="6.75" customHeight="1" x14ac:dyDescent="0.25">
      <c r="A85" s="5"/>
      <c r="B85" s="5"/>
      <c r="C85" s="7"/>
      <c r="D85" s="7"/>
    </row>
    <row r="86" spans="1:5" s="2" customFormat="1" ht="20.100000000000001" customHeight="1" x14ac:dyDescent="0.25">
      <c r="A86" s="133" t="s">
        <v>57</v>
      </c>
      <c r="B86" s="133"/>
      <c r="C86" s="133"/>
      <c r="D86" s="133"/>
      <c r="E86" s="133"/>
    </row>
    <row r="87" spans="1:5" s="2" customFormat="1" ht="5.0999999999999996" customHeight="1" thickBot="1" x14ac:dyDescent="0.3">
      <c r="A87" s="15"/>
      <c r="C87" s="66"/>
      <c r="D87" s="66"/>
    </row>
    <row r="88" spans="1:5" s="3" customFormat="1" ht="69" customHeight="1" x14ac:dyDescent="0.25">
      <c r="A88" s="171" t="s">
        <v>58</v>
      </c>
      <c r="B88" s="172"/>
      <c r="C88" s="139" t="s">
        <v>22</v>
      </c>
      <c r="D88" s="140"/>
    </row>
    <row r="89" spans="1:5" s="3" customFormat="1" ht="35.25" customHeight="1" thickBot="1" x14ac:dyDescent="0.3">
      <c r="A89" s="173"/>
      <c r="B89" s="174"/>
      <c r="C89" s="20" t="s">
        <v>6</v>
      </c>
      <c r="D89" s="56" t="s">
        <v>23</v>
      </c>
    </row>
    <row r="90" spans="1:5" s="2" customFormat="1" ht="56.25" customHeight="1" x14ac:dyDescent="0.25">
      <c r="A90" s="60" t="s">
        <v>11</v>
      </c>
      <c r="B90" s="80" t="s">
        <v>161</v>
      </c>
      <c r="C90" s="46"/>
      <c r="D90" s="55"/>
    </row>
    <row r="91" spans="1:5" s="2" customFormat="1" ht="59.25" customHeight="1" x14ac:dyDescent="0.25">
      <c r="A91" s="45" t="s">
        <v>46</v>
      </c>
      <c r="B91" s="23" t="s">
        <v>106</v>
      </c>
      <c r="C91" s="46"/>
      <c r="D91" s="55"/>
    </row>
    <row r="92" spans="1:5" s="2" customFormat="1" ht="29.1" customHeight="1" x14ac:dyDescent="0.25">
      <c r="A92" s="120" t="s">
        <v>47</v>
      </c>
      <c r="B92" s="81" t="s">
        <v>107</v>
      </c>
      <c r="C92" s="46"/>
      <c r="D92" s="125"/>
    </row>
    <row r="93" spans="1:5" s="2" customFormat="1" ht="29.1" customHeight="1" x14ac:dyDescent="0.25">
      <c r="A93" s="121" t="s">
        <v>108</v>
      </c>
      <c r="B93" s="82" t="s">
        <v>109</v>
      </c>
      <c r="C93" s="46"/>
      <c r="D93" s="127"/>
    </row>
    <row r="94" spans="1:5" s="2" customFormat="1" ht="29.1" customHeight="1" x14ac:dyDescent="0.25">
      <c r="A94" s="123" t="s">
        <v>110</v>
      </c>
      <c r="B94" s="83" t="s">
        <v>111</v>
      </c>
      <c r="C94" s="46"/>
      <c r="D94" s="128"/>
    </row>
    <row r="95" spans="1:5" s="2" customFormat="1" ht="29.1" customHeight="1" x14ac:dyDescent="0.25">
      <c r="A95" s="124" t="s">
        <v>112</v>
      </c>
      <c r="B95" s="84" t="s">
        <v>113</v>
      </c>
      <c r="C95" s="46"/>
      <c r="D95" s="67"/>
    </row>
    <row r="96" spans="1:5" s="2" customFormat="1" ht="42" customHeight="1" x14ac:dyDescent="0.25">
      <c r="A96" s="121" t="s">
        <v>114</v>
      </c>
      <c r="B96" s="84" t="s">
        <v>115</v>
      </c>
      <c r="C96" s="46"/>
      <c r="D96" s="127"/>
    </row>
    <row r="97" spans="1:4" s="2" customFormat="1" ht="121.5" customHeight="1" x14ac:dyDescent="0.25">
      <c r="A97" s="122" t="s">
        <v>116</v>
      </c>
      <c r="B97" s="85" t="s">
        <v>117</v>
      </c>
      <c r="C97" s="46"/>
      <c r="D97" s="126"/>
    </row>
    <row r="98" spans="1:4" s="2" customFormat="1" ht="154.5" customHeight="1" x14ac:dyDescent="0.25">
      <c r="A98" s="45" t="s">
        <v>48</v>
      </c>
      <c r="B98" s="23" t="s">
        <v>118</v>
      </c>
      <c r="C98" s="46"/>
      <c r="D98" s="55"/>
    </row>
    <row r="99" spans="1:4" s="2" customFormat="1" ht="43.5" customHeight="1" x14ac:dyDescent="0.25">
      <c r="A99" s="45" t="s">
        <v>119</v>
      </c>
      <c r="B99" s="23" t="s">
        <v>120</v>
      </c>
      <c r="C99" s="46"/>
      <c r="D99" s="55"/>
    </row>
    <row r="100" spans="1:4" s="2" customFormat="1" ht="54.75" customHeight="1" x14ac:dyDescent="0.25">
      <c r="A100" s="45" t="s">
        <v>121</v>
      </c>
      <c r="B100" s="23" t="s">
        <v>122</v>
      </c>
      <c r="C100" s="46"/>
      <c r="D100" s="55"/>
    </row>
    <row r="101" spans="1:4" s="2" customFormat="1" ht="72" customHeight="1" x14ac:dyDescent="0.25">
      <c r="A101" s="45" t="s">
        <v>123</v>
      </c>
      <c r="B101" s="86" t="s">
        <v>124</v>
      </c>
      <c r="C101" s="46"/>
      <c r="D101" s="55"/>
    </row>
    <row r="102" spans="1:4" s="2" customFormat="1" ht="88.5" customHeight="1" x14ac:dyDescent="0.25">
      <c r="A102" s="45" t="s">
        <v>125</v>
      </c>
      <c r="B102" s="87" t="s">
        <v>126</v>
      </c>
      <c r="C102" s="46"/>
      <c r="D102" s="55"/>
    </row>
    <row r="103" spans="1:4" s="2" customFormat="1" ht="41.25" customHeight="1" x14ac:dyDescent="0.25">
      <c r="A103" s="130" t="s">
        <v>127</v>
      </c>
      <c r="B103" s="81" t="s">
        <v>128</v>
      </c>
      <c r="C103" s="46"/>
      <c r="D103" s="55"/>
    </row>
    <row r="104" spans="1:4" s="2" customFormat="1" ht="29.1" customHeight="1" x14ac:dyDescent="0.25">
      <c r="A104" s="131"/>
      <c r="B104" s="84" t="s">
        <v>129</v>
      </c>
      <c r="C104" s="46"/>
      <c r="D104" s="55"/>
    </row>
    <row r="105" spans="1:4" s="2" customFormat="1" ht="68.25" customHeight="1" x14ac:dyDescent="0.25">
      <c r="A105" s="131"/>
      <c r="B105" s="88" t="s">
        <v>130</v>
      </c>
      <c r="C105" s="46"/>
      <c r="D105" s="55"/>
    </row>
    <row r="106" spans="1:4" s="2" customFormat="1" ht="25.5" customHeight="1" x14ac:dyDescent="0.25">
      <c r="A106" s="131"/>
      <c r="B106" s="83" t="s">
        <v>131</v>
      </c>
      <c r="C106" s="46"/>
      <c r="D106" s="55"/>
    </row>
    <row r="107" spans="1:4" s="2" customFormat="1" ht="32.25" customHeight="1" x14ac:dyDescent="0.25">
      <c r="A107" s="131"/>
      <c r="B107" s="84" t="s">
        <v>132</v>
      </c>
      <c r="C107" s="46"/>
      <c r="D107" s="55"/>
    </row>
    <row r="108" spans="1:4" s="2" customFormat="1" ht="57.75" customHeight="1" x14ac:dyDescent="0.25">
      <c r="A108" s="131"/>
      <c r="B108" s="84" t="s">
        <v>133</v>
      </c>
      <c r="C108" s="46"/>
      <c r="D108" s="55"/>
    </row>
    <row r="109" spans="1:4" s="2" customFormat="1" ht="59.25" customHeight="1" x14ac:dyDescent="0.25">
      <c r="A109" s="132"/>
      <c r="B109" s="85" t="s">
        <v>134</v>
      </c>
      <c r="C109" s="46"/>
      <c r="D109" s="55"/>
    </row>
    <row r="110" spans="1:4" s="2" customFormat="1" ht="114.75" customHeight="1" x14ac:dyDescent="0.25">
      <c r="A110" s="45" t="s">
        <v>135</v>
      </c>
      <c r="B110" s="89" t="s">
        <v>136</v>
      </c>
      <c r="C110" s="46"/>
      <c r="D110" s="55"/>
    </row>
    <row r="111" spans="1:4" s="2" customFormat="1" ht="257.25" customHeight="1" x14ac:dyDescent="0.25">
      <c r="A111" s="45" t="s">
        <v>137</v>
      </c>
      <c r="B111" s="23" t="s">
        <v>138</v>
      </c>
      <c r="C111" s="46"/>
      <c r="D111" s="55"/>
    </row>
    <row r="112" spans="1:4" s="2" customFormat="1" ht="117.75" customHeight="1" x14ac:dyDescent="0.25">
      <c r="A112" s="45" t="s">
        <v>139</v>
      </c>
      <c r="B112" s="87" t="s">
        <v>140</v>
      </c>
      <c r="C112" s="46"/>
      <c r="D112" s="55"/>
    </row>
    <row r="113" spans="1:5" s="2" customFormat="1" ht="126" customHeight="1" x14ac:dyDescent="0.25">
      <c r="A113" s="90" t="s">
        <v>141</v>
      </c>
      <c r="B113" s="23" t="s">
        <v>142</v>
      </c>
      <c r="C113" s="46"/>
      <c r="D113" s="55"/>
    </row>
    <row r="114" spans="1:5" s="2" customFormat="1" ht="111.75" customHeight="1" x14ac:dyDescent="0.25">
      <c r="A114" s="45" t="s">
        <v>143</v>
      </c>
      <c r="B114" s="23" t="s">
        <v>144</v>
      </c>
      <c r="C114" s="46"/>
      <c r="D114" s="55"/>
    </row>
    <row r="115" spans="1:5" s="2" customFormat="1" ht="35.25" customHeight="1" x14ac:dyDescent="0.25">
      <c r="A115" s="45" t="s">
        <v>145</v>
      </c>
      <c r="B115" s="23" t="s">
        <v>146</v>
      </c>
      <c r="C115" s="46"/>
      <c r="D115" s="55"/>
    </row>
    <row r="116" spans="1:5" s="2" customFormat="1" ht="59.25" customHeight="1" x14ac:dyDescent="0.25">
      <c r="A116" s="91" t="s">
        <v>147</v>
      </c>
      <c r="B116" s="89" t="s">
        <v>148</v>
      </c>
      <c r="C116" s="46"/>
      <c r="D116" s="55"/>
    </row>
    <row r="117" spans="1:5" s="2" customFormat="1" ht="92.25" customHeight="1" x14ac:dyDescent="0.25">
      <c r="A117" s="91" t="s">
        <v>149</v>
      </c>
      <c r="B117" s="23" t="s">
        <v>150</v>
      </c>
      <c r="C117" s="46"/>
      <c r="D117" s="55"/>
    </row>
    <row r="118" spans="1:5" s="2" customFormat="1" ht="217.5" customHeight="1" x14ac:dyDescent="0.25">
      <c r="A118" s="91" t="s">
        <v>151</v>
      </c>
      <c r="B118" s="92" t="s">
        <v>152</v>
      </c>
      <c r="C118" s="46"/>
      <c r="D118" s="55"/>
    </row>
    <row r="119" spans="1:5" s="2" customFormat="1" ht="96.75" customHeight="1" x14ac:dyDescent="0.25">
      <c r="A119" s="91" t="s">
        <v>153</v>
      </c>
      <c r="B119" s="23" t="s">
        <v>154</v>
      </c>
      <c r="C119" s="46"/>
      <c r="D119" s="55"/>
    </row>
    <row r="120" spans="1:5" s="2" customFormat="1" ht="124.5" customHeight="1" x14ac:dyDescent="0.25">
      <c r="A120" s="91" t="s">
        <v>155</v>
      </c>
      <c r="B120" s="23" t="s">
        <v>156</v>
      </c>
      <c r="C120" s="46"/>
      <c r="D120" s="55"/>
    </row>
    <row r="121" spans="1:5" s="2" customFormat="1" ht="116.25" customHeight="1" x14ac:dyDescent="0.25">
      <c r="A121" s="91" t="s">
        <v>157</v>
      </c>
      <c r="B121" s="23" t="s">
        <v>158</v>
      </c>
      <c r="C121" s="46"/>
      <c r="D121" s="55"/>
    </row>
    <row r="122" spans="1:5" s="2" customFormat="1" ht="51" customHeight="1" x14ac:dyDescent="0.25">
      <c r="A122" s="91" t="s">
        <v>159</v>
      </c>
      <c r="B122" s="23" t="s">
        <v>160</v>
      </c>
      <c r="C122" s="46"/>
      <c r="D122" s="55"/>
    </row>
    <row r="123" spans="1:5" s="3" customFormat="1" ht="6.75" customHeight="1" x14ac:dyDescent="0.25">
      <c r="A123" s="100"/>
      <c r="B123" s="101"/>
      <c r="C123" s="7"/>
      <c r="D123" s="7"/>
      <c r="E123" s="2"/>
    </row>
    <row r="124" spans="1:5" s="2" customFormat="1" ht="20.100000000000001" customHeight="1" x14ac:dyDescent="0.25">
      <c r="A124" s="133" t="s">
        <v>44</v>
      </c>
      <c r="B124" s="133"/>
      <c r="C124" s="133"/>
      <c r="D124" s="133"/>
      <c r="E124" s="133"/>
    </row>
    <row r="125" spans="1:5" s="2" customFormat="1" ht="4.5" customHeight="1" thickBot="1" x14ac:dyDescent="0.3"/>
    <row r="126" spans="1:5" s="2" customFormat="1" ht="87" customHeight="1" x14ac:dyDescent="0.25">
      <c r="A126" s="165" t="s">
        <v>64</v>
      </c>
      <c r="B126" s="166"/>
      <c r="C126" s="139" t="s">
        <v>45</v>
      </c>
      <c r="D126" s="140"/>
    </row>
    <row r="127" spans="1:5" s="3" customFormat="1" ht="29.25" customHeight="1" thickBot="1" x14ac:dyDescent="0.3">
      <c r="A127" s="167"/>
      <c r="B127" s="168"/>
      <c r="C127" s="20" t="s">
        <v>6</v>
      </c>
      <c r="D127" s="56" t="s">
        <v>23</v>
      </c>
      <c r="E127" s="2"/>
    </row>
    <row r="128" spans="1:5" s="3" customFormat="1" ht="33.75" customHeight="1" x14ac:dyDescent="0.25">
      <c r="A128" s="60" t="s">
        <v>11</v>
      </c>
      <c r="B128" s="61" t="s">
        <v>65</v>
      </c>
      <c r="C128" s="36"/>
      <c r="D128" s="62"/>
      <c r="E128" s="2"/>
    </row>
    <row r="129" spans="1:5" s="3" customFormat="1" ht="58.5" customHeight="1" x14ac:dyDescent="0.25">
      <c r="A129" s="63" t="s">
        <v>46</v>
      </c>
      <c r="B129" s="67" t="s">
        <v>56</v>
      </c>
      <c r="C129" s="49"/>
      <c r="D129" s="64"/>
      <c r="E129" s="2"/>
    </row>
    <row r="130" spans="1:5" s="3" customFormat="1" ht="45" customHeight="1" x14ac:dyDescent="0.25">
      <c r="A130" s="99" t="s">
        <v>47</v>
      </c>
      <c r="B130" s="54" t="s">
        <v>50</v>
      </c>
      <c r="C130" s="49"/>
      <c r="D130" s="64"/>
      <c r="E130" s="2"/>
    </row>
    <row r="131" spans="1:5" s="3" customFormat="1" ht="98.25" customHeight="1" thickBot="1" x14ac:dyDescent="0.3">
      <c r="A131" s="110" t="s">
        <v>48</v>
      </c>
      <c r="B131" s="111" t="s">
        <v>66</v>
      </c>
      <c r="C131" s="112"/>
      <c r="D131" s="113"/>
      <c r="E131" s="2"/>
    </row>
    <row r="132" spans="1:5" s="2" customFormat="1" ht="5.0999999999999996" customHeight="1" x14ac:dyDescent="0.25">
      <c r="A132" s="5"/>
      <c r="B132" s="5"/>
      <c r="C132" s="7"/>
      <c r="D132" s="7"/>
    </row>
    <row r="133" spans="1:5" s="2" customFormat="1" ht="20.100000000000001" customHeight="1" x14ac:dyDescent="0.25">
      <c r="A133" s="133" t="s">
        <v>10</v>
      </c>
      <c r="B133" s="133"/>
      <c r="C133" s="133"/>
      <c r="D133" s="133"/>
      <c r="E133" s="133"/>
    </row>
    <row r="134" spans="1:5" s="3" customFormat="1" ht="30" customHeight="1" x14ac:dyDescent="0.25">
      <c r="A134" s="22" t="s">
        <v>12</v>
      </c>
      <c r="B134" s="159" t="s">
        <v>54</v>
      </c>
      <c r="C134" s="159"/>
      <c r="D134" s="159"/>
      <c r="E134" s="2"/>
    </row>
    <row r="135" spans="1:5" s="25" customFormat="1" ht="30" customHeight="1" x14ac:dyDescent="0.25">
      <c r="A135" s="22" t="s">
        <v>24</v>
      </c>
      <c r="B135" s="159" t="s">
        <v>25</v>
      </c>
      <c r="C135" s="159"/>
      <c r="D135" s="159"/>
      <c r="E135" s="2"/>
    </row>
    <row r="136" spans="1:5" s="25" customFormat="1" ht="30" customHeight="1" x14ac:dyDescent="0.25">
      <c r="A136" s="160" t="s">
        <v>26</v>
      </c>
      <c r="B136" s="160"/>
      <c r="C136" s="160"/>
      <c r="D136" s="160"/>
      <c r="E136" s="2"/>
    </row>
    <row r="137" spans="1:5" s="2" customFormat="1" ht="24.95" customHeight="1" x14ac:dyDescent="0.2">
      <c r="A137" s="24" t="s">
        <v>27</v>
      </c>
      <c r="B137" s="162"/>
      <c r="C137" s="162"/>
    </row>
    <row r="138" spans="1:5" s="2" customFormat="1" ht="24.95" customHeight="1" x14ac:dyDescent="0.2">
      <c r="A138" s="24" t="s">
        <v>28</v>
      </c>
      <c r="B138" s="163"/>
      <c r="C138" s="163"/>
    </row>
    <row r="139" spans="1:5" s="2" customFormat="1" ht="24.95" customHeight="1" x14ac:dyDescent="0.25">
      <c r="A139" s="24" t="s">
        <v>29</v>
      </c>
      <c r="B139" s="164"/>
      <c r="C139" s="164"/>
    </row>
    <row r="140" spans="1:5" s="3" customFormat="1" ht="24.95" customHeight="1" x14ac:dyDescent="0.25">
      <c r="A140" s="24" t="s">
        <v>30</v>
      </c>
      <c r="B140" s="164"/>
      <c r="C140" s="164"/>
      <c r="D140" s="2"/>
      <c r="E140" s="2"/>
    </row>
    <row r="141" spans="1:5" s="2" customFormat="1" ht="14.25" customHeight="1" x14ac:dyDescent="0.2">
      <c r="A141" s="11"/>
      <c r="B141" s="12"/>
      <c r="C141" s="12"/>
    </row>
    <row r="142" spans="1:5" s="3" customFormat="1" ht="15" customHeight="1" x14ac:dyDescent="0.25">
      <c r="A142" s="161" t="s">
        <v>31</v>
      </c>
      <c r="B142" s="161"/>
      <c r="C142" s="161"/>
      <c r="D142" s="161"/>
    </row>
    <row r="143" spans="1:5" s="2" customFormat="1" ht="36.75" customHeight="1" x14ac:dyDescent="0.25">
      <c r="A143" s="158" t="s">
        <v>41</v>
      </c>
      <c r="B143" s="158"/>
      <c r="C143" s="158"/>
      <c r="D143" s="158"/>
    </row>
    <row r="144" spans="1:5" s="2" customFormat="1" ht="20.100000000000001" customHeight="1" x14ac:dyDescent="0.2">
      <c r="A144" s="1"/>
      <c r="B144" s="1"/>
      <c r="C144" s="8"/>
      <c r="D144" s="8"/>
    </row>
    <row r="145" spans="1:4" s="3" customFormat="1" ht="4.5" customHeight="1" x14ac:dyDescent="0.2">
      <c r="A145" s="1"/>
      <c r="B145" s="1"/>
      <c r="C145" s="8"/>
      <c r="D145" s="8"/>
    </row>
    <row r="146" spans="1:4" s="3" customFormat="1" ht="20.100000000000001" customHeight="1" x14ac:dyDescent="0.25">
      <c r="A146" s="26" t="s">
        <v>32</v>
      </c>
      <c r="B146" s="27"/>
      <c r="C146" s="28" t="s">
        <v>33</v>
      </c>
      <c r="D146" s="51"/>
    </row>
    <row r="147" spans="1:4" s="3" customFormat="1" ht="20.100000000000001" customHeight="1" x14ac:dyDescent="0.25">
      <c r="A147" s="29"/>
      <c r="B147" s="29"/>
      <c r="C147" s="29"/>
      <c r="D147" s="30"/>
    </row>
    <row r="148" spans="1:4" ht="20.100000000000001" customHeight="1" x14ac:dyDescent="0.2">
      <c r="A148" s="26" t="s">
        <v>34</v>
      </c>
      <c r="B148" s="27"/>
      <c r="C148" s="31" t="s">
        <v>35</v>
      </c>
      <c r="D148" s="52"/>
    </row>
    <row r="149" spans="1:4" s="2" customFormat="1" ht="20.100000000000001" customHeight="1" x14ac:dyDescent="0.2">
      <c r="A149" s="1"/>
      <c r="B149" s="1"/>
      <c r="C149" s="31" t="s">
        <v>36</v>
      </c>
      <c r="D149" s="53"/>
    </row>
    <row r="150" spans="1:4" s="2" customFormat="1" ht="20.100000000000001" customHeight="1" x14ac:dyDescent="0.2">
      <c r="A150" s="1"/>
      <c r="B150" s="1"/>
      <c r="C150" s="32" t="s">
        <v>37</v>
      </c>
      <c r="D150" s="1"/>
    </row>
    <row r="151" spans="1:4" s="2" customFormat="1" ht="37.5" customHeight="1" x14ac:dyDescent="0.25"/>
    <row r="152" spans="1:4" s="2" customFormat="1" ht="24" customHeight="1" x14ac:dyDescent="0.25"/>
    <row r="153" spans="1:4" s="2" customFormat="1" ht="24" customHeight="1" x14ac:dyDescent="0.25"/>
    <row r="154" spans="1:4" s="2" customFormat="1" ht="24" customHeight="1" x14ac:dyDescent="0.25"/>
    <row r="155" spans="1:4" s="2" customFormat="1" ht="20.100000000000001" customHeight="1" x14ac:dyDescent="0.25"/>
    <row r="156" spans="1:4" s="2" customFormat="1" ht="20.100000000000001" customHeight="1" x14ac:dyDescent="0.25"/>
    <row r="157" spans="1:4" s="2" customFormat="1" ht="50.1" customHeight="1" x14ac:dyDescent="0.25"/>
    <row r="158" spans="1:4" s="2" customFormat="1" ht="43.5" customHeight="1" x14ac:dyDescent="0.25"/>
    <row r="159" spans="1:4" ht="24.75" customHeight="1" x14ac:dyDescent="0.2">
      <c r="A159" s="2"/>
      <c r="B159" s="2"/>
      <c r="C159" s="2"/>
      <c r="D159" s="2"/>
    </row>
    <row r="160" spans="1:4" x14ac:dyDescent="0.2">
      <c r="A160" s="2"/>
      <c r="B160" s="2"/>
      <c r="C160" s="2"/>
      <c r="D160" s="2"/>
    </row>
    <row r="161" ht="20.100000000000001" customHeight="1" x14ac:dyDescent="0.2"/>
    <row r="162" ht="4.5" customHeight="1" x14ac:dyDescent="0.2"/>
    <row r="163" ht="20.100000000000001" customHeight="1" x14ac:dyDescent="0.2"/>
    <row r="164" ht="20.100000000000001" customHeight="1" x14ac:dyDescent="0.2"/>
    <row r="165" ht="20.100000000000001" customHeight="1" x14ac:dyDescent="0.2"/>
  </sheetData>
  <mergeCells count="53">
    <mergeCell ref="A124:E124"/>
    <mergeCell ref="A133:E133"/>
    <mergeCell ref="A49:B49"/>
    <mergeCell ref="A46:B47"/>
    <mergeCell ref="A33:E33"/>
    <mergeCell ref="B34:C34"/>
    <mergeCell ref="A64:D64"/>
    <mergeCell ref="A65:B65"/>
    <mergeCell ref="A88:B89"/>
    <mergeCell ref="C88:D88"/>
    <mergeCell ref="A74:D74"/>
    <mergeCell ref="A75:B75"/>
    <mergeCell ref="A86:E86"/>
    <mergeCell ref="A24:B24"/>
    <mergeCell ref="A27:B27"/>
    <mergeCell ref="A143:D143"/>
    <mergeCell ref="B134:D134"/>
    <mergeCell ref="B135:D135"/>
    <mergeCell ref="A136:D136"/>
    <mergeCell ref="A142:D142"/>
    <mergeCell ref="B137:C137"/>
    <mergeCell ref="B138:C138"/>
    <mergeCell ref="B139:C139"/>
    <mergeCell ref="B140:C140"/>
    <mergeCell ref="A126:B127"/>
    <mergeCell ref="C126:D126"/>
    <mergeCell ref="B37:C37"/>
    <mergeCell ref="A7:E7"/>
    <mergeCell ref="A1:E1"/>
    <mergeCell ref="A2:E2"/>
    <mergeCell ref="A3:E3"/>
    <mergeCell ref="A14:C14"/>
    <mergeCell ref="A8:D8"/>
    <mergeCell ref="A9:D9"/>
    <mergeCell ref="A11:D11"/>
    <mergeCell ref="A12:C12"/>
    <mergeCell ref="A13:B13"/>
    <mergeCell ref="A103:A109"/>
    <mergeCell ref="A19:E19"/>
    <mergeCell ref="A17:C17"/>
    <mergeCell ref="A44:E44"/>
    <mergeCell ref="A48:D48"/>
    <mergeCell ref="A40:B40"/>
    <mergeCell ref="C46:D46"/>
    <mergeCell ref="A20:E20"/>
    <mergeCell ref="A36:E36"/>
    <mergeCell ref="A23:D23"/>
    <mergeCell ref="A21:C21"/>
    <mergeCell ref="A22:E22"/>
    <mergeCell ref="B31:C31"/>
    <mergeCell ref="A28:E28"/>
    <mergeCell ref="A30:E30"/>
    <mergeCell ref="A18:C18"/>
  </mergeCells>
  <conditionalFormatting sqref="C107:C122 C84 C65:C73 C60:C63">
    <cfRule type="containsBlanks" dxfId="14" priority="60">
      <formula>LEN(TRIM(C60))=0</formula>
    </cfRule>
  </conditionalFormatting>
  <conditionalFormatting sqref="D148">
    <cfRule type="containsBlanks" dxfId="13" priority="59">
      <formula>LEN(TRIM(D148))=0</formula>
    </cfRule>
  </conditionalFormatting>
  <conditionalFormatting sqref="B146">
    <cfRule type="containsBlanks" dxfId="12" priority="57">
      <formula>LEN(TRIM(B146))=0</formula>
    </cfRule>
  </conditionalFormatting>
  <conditionalFormatting sqref="D149">
    <cfRule type="containsBlanks" dxfId="11" priority="58">
      <formula>LEN(TRIM(D149))=0</formula>
    </cfRule>
  </conditionalFormatting>
  <conditionalFormatting sqref="B148">
    <cfRule type="containsBlanks" dxfId="10" priority="56">
      <formula>LEN(TRIM(B148))=0</formula>
    </cfRule>
  </conditionalFormatting>
  <conditionalFormatting sqref="B4:B5">
    <cfRule type="containsBlanks" dxfId="9" priority="55">
      <formula>LEN(TRIM(B4))=0</formula>
    </cfRule>
  </conditionalFormatting>
  <conditionalFormatting sqref="C49:C56">
    <cfRule type="containsBlanks" dxfId="8" priority="54">
      <formula>LEN(TRIM(C49))=0</formula>
    </cfRule>
  </conditionalFormatting>
  <conditionalFormatting sqref="C57">
    <cfRule type="containsBlanks" dxfId="7" priority="53">
      <formula>LEN(TRIM(C57))=0</formula>
    </cfRule>
  </conditionalFormatting>
  <conditionalFormatting sqref="C128:C131">
    <cfRule type="containsBlanks" dxfId="6" priority="49">
      <formula>LEN(TRIM(C128))=0</formula>
    </cfRule>
  </conditionalFormatting>
  <conditionalFormatting sqref="B139:C139">
    <cfRule type="containsBlanks" dxfId="5" priority="45">
      <formula>LEN(TRIM(B139))=0</formula>
    </cfRule>
  </conditionalFormatting>
  <conditionalFormatting sqref="C58:C59">
    <cfRule type="containsBlanks" dxfId="4" priority="31">
      <formula>LEN(TRIM(C58))=0</formula>
    </cfRule>
  </conditionalFormatting>
  <conditionalFormatting sqref="C90:C98">
    <cfRule type="containsBlanks" dxfId="3" priority="13">
      <formula>LEN(TRIM(C90))=0</formula>
    </cfRule>
  </conditionalFormatting>
  <conditionalFormatting sqref="C99:C102">
    <cfRule type="containsBlanks" dxfId="2" priority="12">
      <formula>LEN(TRIM(C99))=0</formula>
    </cfRule>
  </conditionalFormatting>
  <conditionalFormatting sqref="C103:C106">
    <cfRule type="containsBlanks" dxfId="1" priority="11">
      <formula>LEN(TRIM(C103))=0</formula>
    </cfRule>
  </conditionalFormatting>
  <conditionalFormatting sqref="C75:C83">
    <cfRule type="containsBlanks" dxfId="0" priority="1">
      <formula>LEN(TRIM(C75))=0</formula>
    </cfRule>
  </conditionalFormatting>
  <printOptions horizontalCentered="1"/>
  <pageMargins left="0.70866141732283472" right="0.70866141732283472" top="0.90625" bottom="0.74803149606299213" header="0.31496062992125984" footer="0.31496062992125984"/>
  <pageSetup paperSize="9" scale="5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40</xdr:row>
                    <xdr:rowOff>9525</xdr:rowOff>
                  </from>
                  <to>
                    <xdr:col>0</xdr:col>
                    <xdr:colOff>885825</xdr:colOff>
                    <xdr:row>4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1</xdr:row>
                    <xdr:rowOff>0</xdr:rowOff>
                  </from>
                  <to>
                    <xdr:col>0</xdr:col>
                    <xdr:colOff>885825</xdr:colOff>
                    <xdr:row>4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11-22T10:53:24Z</cp:lastPrinted>
  <dcterms:created xsi:type="dcterms:W3CDTF">2017-04-21T05:51:15Z</dcterms:created>
  <dcterms:modified xsi:type="dcterms:W3CDTF">2022-11-22T12:42:35Z</dcterms:modified>
</cp:coreProperties>
</file>